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7EF1DCAD" w14:textId="77777777" w:rsidR="008E6FBB" w:rsidRDefault="008E6FBB" w:rsidP="008E6FBB">
      <w:pPr>
        <w:jc w:val="right"/>
        <w:rPr>
          <w:rFonts w:ascii="Avenir" w:eastAsia="Avenir" w:hAnsi="Avenir" w:cs="Avenir"/>
        </w:rPr>
      </w:pPr>
    </w:p>
    <w:p w14:paraId="1FABD9F4" w14:textId="77777777" w:rsidR="008E6FBB" w:rsidRDefault="008E6FBB" w:rsidP="008E6FBB">
      <w:pPr>
        <w:jc w:val="right"/>
        <w:rPr>
          <w:rFonts w:ascii="Avenir" w:eastAsia="Avenir" w:hAnsi="Avenir" w:cs="Avenir"/>
        </w:rPr>
      </w:pPr>
    </w:p>
    <w:p w14:paraId="1ED517EB" w14:textId="632A65CA" w:rsidR="008E6FBB" w:rsidRDefault="008E6FBB" w:rsidP="008E6FBB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allowOverlap="1" wp14:anchorId="206933B8" wp14:editId="49B295D2">
            <wp:simplePos x="0" y="0"/>
            <wp:positionH relativeFrom="column">
              <wp:posOffset>-85725</wp:posOffset>
            </wp:positionH>
            <wp:positionV relativeFrom="paragraph">
              <wp:posOffset>152400</wp:posOffset>
            </wp:positionV>
            <wp:extent cx="2224405" cy="1159510"/>
            <wp:effectExtent l="0" t="0" r="4445" b="2540"/>
            <wp:wrapSquare wrapText="bothSides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24405" cy="1159510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700367A3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>
        <w:rPr>
          <w:rFonts w:ascii="Avenir LT Std 35 Light" w:eastAsia="Avenir" w:hAnsi="Avenir LT Std 35 Light" w:cs="Avenir"/>
          <w:sz w:val="16"/>
          <w:szCs w:val="16"/>
        </w:rPr>
        <w:t>Delivery Hero (Laos) Sole Co., Ltd. (Head Office)</w:t>
      </w:r>
    </w:p>
    <w:p w14:paraId="4DABCD2D" w14:textId="77777777" w:rsidR="008E6FBB" w:rsidRDefault="008E6FBB" w:rsidP="008E6FBB">
      <w:pPr>
        <w:jc w:val="right"/>
        <w:rPr>
          <w:rFonts w:ascii="Leelawadee UI" w:eastAsia="Avenir" w:hAnsi="Leelawadee UI" w:cs="Leelawadee UI"/>
          <w:sz w:val="16"/>
          <w:szCs w:val="16"/>
        </w:rPr>
      </w:pPr>
      <w:proofErr w:type="spellStart"/>
      <w:r>
        <w:rPr>
          <w:rFonts w:ascii="Leelawadee UI" w:eastAsia="Avenir" w:hAnsi="Leelawadee UI" w:cs="Leelawadee UI"/>
          <w:sz w:val="16"/>
          <w:szCs w:val="16"/>
        </w:rPr>
        <w:t>ຕຶກ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 A01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ຕະຫຼາດທົ່ງຂັນຄໍາ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ຖະໜົນ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ອາຊຽນ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ເມືອງ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ຈັນທະບູລີ</w:t>
      </w:r>
      <w:proofErr w:type="spellEnd"/>
    </w:p>
    <w:p w14:paraId="52EB2604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proofErr w:type="spellStart"/>
      <w:r>
        <w:rPr>
          <w:rFonts w:ascii="Leelawadee UI" w:eastAsia="Avenir" w:hAnsi="Leelawadee UI" w:cs="Leelawadee UI"/>
          <w:sz w:val="16"/>
          <w:szCs w:val="16"/>
        </w:rPr>
        <w:t>ນະຄອນຫຼວງວຽງຈັນ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,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ສປປ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 xml:space="preserve"> </w:t>
      </w:r>
      <w:proofErr w:type="spellStart"/>
      <w:r>
        <w:rPr>
          <w:rFonts w:ascii="Leelawadee UI" w:eastAsia="Avenir" w:hAnsi="Leelawadee UI" w:cs="Leelawadee UI"/>
          <w:sz w:val="16"/>
          <w:szCs w:val="16"/>
        </w:rPr>
        <w:t>ລາວ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>, 01000.</w:t>
      </w:r>
    </w:p>
    <w:p w14:paraId="221E4C29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</w:p>
    <w:p w14:paraId="7F5C792A" w14:textId="77777777" w:rsidR="008E6FBB" w:rsidRDefault="008E6FBB" w:rsidP="008E6FBB">
      <w:pPr>
        <w:jc w:val="right"/>
        <w:rPr>
          <w:rFonts w:ascii="Avenir LT Std 35 Light" w:eastAsia="Avenir" w:hAnsi="Avenir LT Std 35 Light" w:cs="Avenir"/>
        </w:rPr>
      </w:pPr>
      <w:r>
        <w:rPr>
          <w:rFonts w:ascii="Avenir LT Std 35 Light" w:eastAsia="Avenir" w:hAnsi="Avenir LT Std 35 Light" w:cs="Avenir"/>
        </w:rPr>
        <w:t xml:space="preserve"> </w:t>
      </w:r>
    </w:p>
    <w:p w14:paraId="19A129E9" w14:textId="77777777" w:rsidR="008E6FBB" w:rsidRDefault="008E6FBB" w:rsidP="008E6FBB">
      <w:pPr>
        <w:rPr>
          <w:rFonts w:ascii="Avenir LT Std 35 Light" w:eastAsia="Avenir" w:hAnsi="Avenir LT Std 35 Light" w:cs="Avenir"/>
        </w:rPr>
      </w:pPr>
    </w:p>
    <w:p w14:paraId="56D1879D" w14:textId="41D9FAC9" w:rsidR="008E6FBB" w:rsidRDefault="008E6FBB" w:rsidP="008E6FBB">
      <w:pPr>
        <w:rPr>
          <w:rFonts w:ascii="Avenir LT Std 35 Light" w:eastAsia="Avenir" w:hAnsi="Avenir LT Std 35 Light" w:cs="Avenir"/>
        </w:rPr>
      </w:pPr>
    </w:p>
    <w:p w14:paraId="6276D4D2" w14:textId="77777777" w:rsidR="002E76EF" w:rsidRDefault="002E76EF" w:rsidP="002E76EF">
      <w:pPr>
        <w:jc w:val="center"/>
        <w:rPr>
          <w:rFonts w:ascii="Avenir LT Std 35 Light" w:eastAsia="Avenir" w:hAnsi="Avenir LT Std 35 Light" w:cs="Avenir"/>
        </w:rPr>
      </w:pPr>
    </w:p>
    <w:p w14:paraId="75C434A7" w14:textId="488CE425" w:rsidR="008E6FBB" w:rsidRDefault="008E6FBB" w:rsidP="002E76EF">
      <w:pPr>
        <w:jc w:val="center"/>
        <w:rPr>
          <w:rFonts w:ascii="Avenir LT Std 35 Light" w:eastAsia="Avenir" w:hAnsi="Avenir LT Std 35 Light" w:cs="Avenir"/>
          <w:b/>
        </w:rPr>
      </w:pPr>
      <w:proofErr w:type="spellStart"/>
      <w:r>
        <w:rPr>
          <w:rFonts w:ascii="Leelawadee UI" w:eastAsia="Avenir" w:hAnsi="Leelawadee UI" w:cs="Leelawadee UI"/>
          <w:b/>
        </w:rPr>
        <w:t>ແບບຟອມລົງທະບຽນຮ້ານຄ້າ</w:t>
      </w:r>
      <w:proofErr w:type="spellEnd"/>
      <w:r>
        <w:rPr>
          <w:rFonts w:ascii="Avenir LT Std 35 Light" w:eastAsia="Avenir" w:hAnsi="Avenir LT Std 35 Light" w:cs="Avenir"/>
          <w:b/>
        </w:rPr>
        <w:t xml:space="preserve"> </w:t>
      </w:r>
      <w:r w:rsidR="002E76EF" w:rsidRPr="002E76EF">
        <w:rPr>
          <w:rFonts w:ascii="Avenir LT Std 35 Light" w:eastAsia="Avenir" w:hAnsi="Avenir LT Std 35 Light" w:cs="Avenir"/>
          <w:b/>
        </w:rPr>
        <w:t>Contract Amendment</w:t>
      </w:r>
    </w:p>
    <w:p w14:paraId="60193382" w14:textId="77777777" w:rsidR="002E76EF" w:rsidRDefault="002E76EF" w:rsidP="002E76EF">
      <w:pPr>
        <w:jc w:val="center"/>
        <w:rPr>
          <w:rFonts w:ascii="Avenir LT Std 35 Light" w:eastAsia="Avenir" w:hAnsi="Avenir LT Std 35 Light" w:cs="Avenir"/>
          <w:b/>
          <w:sz w:val="28"/>
          <w:szCs w:val="28"/>
        </w:rPr>
      </w:pPr>
    </w:p>
    <w:p w14:paraId="0324CF60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36344E26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FA6CB19" w14:textId="77777777" w:rsidR="008E6FBB" w:rsidRDefault="008E6FBB" w:rsidP="008E6FBB">
      <w:pPr>
        <w:jc w:val="right"/>
        <w:rPr>
          <w:rFonts w:ascii="Avenir LT Std 35 Light" w:eastAsia="Avenir" w:hAnsi="Avenir LT Std 35 Light" w:cs="Avenir"/>
          <w:b/>
          <w:sz w:val="16"/>
          <w:szCs w:val="16"/>
        </w:rPr>
      </w:pPr>
      <w:r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CCA268C" w14:textId="77777777" w:rsidR="008E6FBB" w:rsidRDefault="008E6FBB" w:rsidP="008E6FB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42357FA2" w14:textId="77777777" w:rsidR="008E6FBB" w:rsidRDefault="008E6FBB" w:rsidP="008E6FBB">
      <w:pPr>
        <w:rPr>
          <w:rFonts w:ascii="Avenir LT Std 35 Light" w:eastAsia="Avenir" w:hAnsi="Avenir LT Std 35 Light" w:cs="Avenir"/>
          <w:b/>
          <w:sz w:val="16"/>
          <w:szCs w:val="16"/>
        </w:rPr>
      </w:pPr>
    </w:p>
    <w:p w14:paraId="196E3B3A" w14:textId="77777777" w:rsidR="008E6FBB" w:rsidRDefault="008E6FBB" w:rsidP="008E6FBB">
      <w:pPr>
        <w:numPr>
          <w:ilvl w:val="0"/>
          <w:numId w:val="4"/>
        </w:numPr>
        <w:ind w:left="360"/>
        <w:rPr>
          <w:rFonts w:ascii="Avenir LT Std 35 Light" w:eastAsia="Avenir" w:hAnsi="Avenir LT Std 35 Light" w:cs="Avenir"/>
          <w:b/>
          <w:sz w:val="16"/>
          <w:szCs w:val="16"/>
        </w:rPr>
      </w:pPr>
      <w:proofErr w:type="spellStart"/>
      <w:r>
        <w:rPr>
          <w:rFonts w:ascii="Leelawadee UI" w:eastAsia="Avenir" w:hAnsi="Leelawadee UI" w:cs="Leelawadee UI"/>
          <w:b/>
          <w:sz w:val="16"/>
          <w:szCs w:val="16"/>
        </w:rPr>
        <w:t>ຂໍ້ມູນຜູ້ຂາຍ</w:t>
      </w:r>
      <w:proofErr w:type="spellEnd"/>
      <w:r>
        <w:rPr>
          <w:rFonts w:ascii="Leelawadee UI" w:eastAsia="Avenir" w:hAnsi="Leelawadee UI" w:cs="Leelawadee UI"/>
          <w:b/>
          <w:sz w:val="16"/>
          <w:szCs w:val="16"/>
        </w:rPr>
        <w:t xml:space="preserve"> </w:t>
      </w:r>
      <w:r>
        <w:rPr>
          <w:rFonts w:ascii="Avenir LT Std 35 Light" w:eastAsia="Avenir" w:hAnsi="Avenir LT Std 35 Light" w:cs="Avenir"/>
          <w:b/>
          <w:sz w:val="16"/>
          <w:szCs w:val="16"/>
        </w:rPr>
        <w:t xml:space="preserve">Vendor Information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310"/>
        <w:gridCol w:w="4204"/>
        <w:gridCol w:w="538"/>
      </w:tblGrid>
      <w:tr w:rsidR="008E6FBB" w:rsidRPr="008E6FBB" w14:paraId="1C6A6F26" w14:textId="77777777" w:rsidTr="008E6FBB">
        <w:trPr>
          <w:gridAfter w:val="1"/>
          <w:wAfter w:w="297" w:type="pct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4E2DD96" w14:textId="77777777" w:rsidR="008E6FBB" w:rsidRDefault="008E6FBB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າຍລະອຽດການຕິດຕໍ່ຜູ້ຂາຍ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Vendor contact details</w:t>
            </w:r>
          </w:p>
        </w:tc>
        <w:tc>
          <w:tcPr>
            <w:tcW w:w="23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E5BA233" w14:textId="77777777" w:rsidR="008E6FBB" w:rsidRDefault="008E6FBB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າຍລະອຽດໃບເກັບເງີນຜູ້ຂອງຂາຍ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Vendor Invoice details</w:t>
            </w:r>
          </w:p>
        </w:tc>
      </w:tr>
      <w:tr w:rsidR="008E6FBB" w:rsidRPr="008E6FBB" w14:paraId="63F89132" w14:textId="77777777" w:rsidTr="008E6FBB">
        <w:trPr>
          <w:trHeight w:val="2026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A36B895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່ໃບທະບຽນວິສາຫະກິດ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,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່ຮ້ານ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Account Nam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arentAccount_Legal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,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arentAccount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6053F34F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່ຮ້ານ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(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ປັນພາສາລາວ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) Local Account Name: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arentAccount_Translated_Account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br/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ທີ່ຢູ່ຫ້ອງການລົງທະບຽນ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Registered Office Address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restaurantAddressValues_AddressLi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0FAA0CF9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ລກທະບຽນທຸລະກິດ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Business Registration Number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arentAccount_Company_Number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09C055D2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່ຜູ້ແທນ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Representative Nam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Salutation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first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last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32A916F5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ບີໂທບ້ານ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Phon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Pho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1BE27B4A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ບີໂທມືຖື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Mobil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Mobilepho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5AA087E5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ທີ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່່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ຢູ່ອີເມວ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Email Address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ContactValues_Email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2619" w:type="pct"/>
            <w:gridSpan w:val="2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B8A3701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 xml:space="preserve">່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Nam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Salutation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first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last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606D00E5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ບີໂທບ້ານ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Phon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Pho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50C841BC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ບີໂທມືຖື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Mobil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Mobilepho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2D8E9C65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ທີ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່່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ຢູ່ອີເມວ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Email Address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ownerOrBillingContactValues_Email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53129306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ທີ່ຢູ່ໃບບິນ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Billing Address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billingAddressFromApex_AddressLin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0A9F4033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ບັນຊີທະນາຄານສ່ວນຕົວ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Bank Account Owner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bankdetail_Bank_Account_Owner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1A6E910A" w14:textId="77777777" w:rsidR="008E6FBB" w:rsidRDefault="008E6FBB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ຊື່ທະນາຄານ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Bank Name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bankdetail_Bank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br/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ລກບັນຊີທະນາຄານ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Bank Account Number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bankdetail_Bank_Account_Number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1EBEDC11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ຮູບແບບການຊໍາລະ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Invoice Frequency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arentAccount_Invoice_Frequency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1B0D2AD4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6330D8C3" w14:textId="77777777" w:rsidR="008E6FBB" w:rsidRDefault="008E6FBB">
            <w:pP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</w:tr>
    </w:tbl>
    <w:p w14:paraId="51E71BA1" w14:textId="77777777" w:rsidR="008E6FBB" w:rsidRDefault="008E6FBB" w:rsidP="008E6FBB">
      <w:pPr>
        <w:widowControl w:val="0"/>
        <w:spacing w:after="240"/>
        <w:rPr>
          <w:rFonts w:ascii="Phetsarath OT" w:eastAsia="Phetsarath OT" w:hAnsi="Phetsarath OT" w:cs="Phetsarath OT"/>
          <w:b/>
          <w:sz w:val="18"/>
          <w:szCs w:val="18"/>
          <w:lang w:val="en-US"/>
        </w:rPr>
      </w:pP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ສາລະສາໍຄັນ</w:t>
      </w:r>
      <w:proofErr w:type="spellEnd"/>
      <w:r>
        <w:rPr>
          <w:rFonts w:ascii="Phetsarath OT" w:eastAsia="Phetsarath OT" w:hAnsi="Phetsarath OT" w:cs="Phetsarath OT"/>
          <w:b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b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b/>
          <w:sz w:val="18"/>
          <w:szCs w:val="18"/>
        </w:rPr>
        <w:t>ເງື່ອນໄຂໃນເອກະສານຊ້ອນທ້າຍມີດັ່ງນີ</w:t>
      </w:r>
      <w:proofErr w:type="spellEnd"/>
      <w:r>
        <w:rPr>
          <w:rFonts w:ascii="Leelawadee UI" w:eastAsia="Phetsarath OT" w:hAnsi="Leelawadee UI" w:cs="Leelawadee UI"/>
          <w:b/>
          <w:sz w:val="18"/>
          <w:szCs w:val="18"/>
        </w:rPr>
        <w:t>້</w:t>
      </w:r>
      <w:r>
        <w:rPr>
          <w:rFonts w:ascii="Phetsarath OT" w:eastAsia="Phetsarath OT" w:hAnsi="Phetsarath OT" w:cs="Phetsarath OT"/>
          <w:b/>
          <w:sz w:val="18"/>
          <w:szCs w:val="18"/>
        </w:rPr>
        <w:t xml:space="preserve">: </w:t>
      </w:r>
    </w:p>
    <w:p w14:paraId="2A1BE1FB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ເປັນຜູ້ເລືອກລາຍການ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ຈະໃຫ້ບໍລິການຈັດສົ່ງນໍາ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ຕ້ອງກໍານົດລາຄາລາຍການ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r>
        <w:rPr>
          <w:rFonts w:ascii="Tahoma" w:eastAsia="Phetsarath OT" w:hAnsi="Tahoma" w:cs="Tahoma"/>
          <w:sz w:val="18"/>
          <w:szCs w:val="18"/>
        </w:rPr>
        <w:t> 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ເທົ່າກັບລາຄາທີ່ຂາຍຢູ່ຮ້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0AB922A5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ຈັດຫາວັດສະດຸຫຸ້ມຫໍ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່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ພັກອາຫານເຄື່ອງດື່ມຂອງຕົນໃຫ້ມີຄຸນນະພາບ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,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ໜ້ນໜ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ຮ້ານຄວນມີປ້າຍຊື່ຮ້ານຢ່າງຊັ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ໃຫ້ຄົນຮັບອໍເດີສາມາດຈໍາແນກໄດ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;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7B72B9DA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ມີສິດໃນການໃຊ້ຊື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່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ລໂ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ຮ້ານໃນການໂຄສະນາປະຊາສໍາພັນຕ່າງ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ໆ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ກິດຈະກໍາສົ່ງເສີມການຂ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7B50DCF3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ມີສິດໃນການເກັບເງິນຄ່າອາຫ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ຄື່ອງດື່ມນໍາລູກຄ້າທີ່ໃຊ້ບໍລິການແທນທາງຮ້າ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ຈະຊໍາລະຈໍານວນສຸດທິພາຍຫລັ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ັກຄ່າຄອມມິດຊ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ຄ່ານາຍ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ອີງຕາມຈໍານວນທີ່ລະບຸໃນເງື່ອນໄຂລຸ່ມ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ການຊໍາລະແມ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2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ຄັ້ງຕໍ່ເດືອ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,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ການໂອນເຂົ້າບັນຊ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ລູກຄ້າໂດຍກົງໃນລະຫວ່າງທ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16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30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ຂອງເດືອນຕໍ່ມ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683940C0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lastRenderedPageBreak/>
        <w:t>ຂໍ້ຕົກລົ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ງື່ອນໄຂໃນເອກະສານສະບັບ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ມ່ນມີຜົນບັງຄັບໃຊ້ນັບແຕ່ມື້ລົງລາຍເຊັນເປັນຕົ້ນໄປ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ບໍ່ມີກໍານົດສິ້ນສຸ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ຈົນກວ່າທາ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ຮ້ານຈະຂໍຍົກເລີກເອ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ການແຈ້ງໃຫ້ຟູດແພນດ້າຊາບລ່ວງ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30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ວ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7775E3EF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ຈະບໍ່ເຮັດສັນຍາກັບບໍລິສັດຮັບສົ່ງອາຫານເຈົ້າອື່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ມີຮູບແບບການດໍາເນີນທຸລະກິດຄ້າຍຄືກັບ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ມີການລະເມີ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ຍິນດີໃຫ້ປັບຄ່ານາຍຫນ້າເພີ່ມຂຶ້ນອີ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gramStart"/>
      <w:r>
        <w:rPr>
          <w:rFonts w:ascii="Phetsarath OT" w:eastAsia="Phetsarath OT" w:hAnsi="Phetsarath OT" w:cs="Phetsarath OT"/>
          <w:sz w:val="18"/>
          <w:szCs w:val="18"/>
        </w:rPr>
        <w:t>.....</w:t>
      </w:r>
      <w:proofErr w:type="gram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ປີເຊັ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;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00B62E08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້າມບໍ່ໃຫ້ເປີດເຜີຍຂໍ້ມູ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ີ່ເປັນຄວາມລັບໃນເອກະສານສະບັບນີ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້</w:t>
      </w:r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ແກ່ບຸກຄົນທີ່ສາ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ຝ່າຍໃດມີການລະເມີດ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ອີກຝ່າຍມີສິດຍົກເລີກ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ສັນຍ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ບໍ່ຕ້ອງແຈ້ງລ່ວງຫນ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>;</w:t>
      </w:r>
    </w:p>
    <w:p w14:paraId="68109317" w14:textId="77777777" w:rsidR="008E6FBB" w:rsidRDefault="008E6FBB" w:rsidP="008E6FBB">
      <w:pPr>
        <w:widowControl w:val="0"/>
        <w:numPr>
          <w:ilvl w:val="0"/>
          <w:numId w:val="5"/>
        </w:numPr>
        <w:tabs>
          <w:tab w:val="left" w:pos="220"/>
          <w:tab w:val="left" w:pos="720"/>
        </w:tabs>
        <w:spacing w:after="240"/>
        <w:jc w:val="both"/>
        <w:rPr>
          <w:rFonts w:ascii="Phetsarath OT" w:eastAsia="Phetsarath OT" w:hAnsi="Phetsarath OT" w:cs="Phetsarath OT"/>
          <w:sz w:val="18"/>
          <w:szCs w:val="18"/>
        </w:rPr>
      </w:pP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ຟູດແພນດ້າ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ໃຫ້ຮ້ານຢືມອຸປະກອນໃນການຮັບອໍເດີ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ໂດຍບໍ່ຄິດຄ່າໃຊ້ຈ່າຍໃດ</w:t>
      </w:r>
      <w:proofErr w:type="spellEnd"/>
      <w:r>
        <w:rPr>
          <w:rFonts w:ascii="Leelawadee UI" w:eastAsia="Phetsarath OT" w:hAnsi="Leelawadee UI" w:cs="Leelawadee UI"/>
          <w:sz w:val="18"/>
          <w:szCs w:val="18"/>
        </w:rPr>
        <w:t>ໆ</w:t>
      </w:r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ນໍາໃຊ້ອຸປະກອນດ້ວຍຄວາມເຫມາະສົມ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ແລະ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ລະມັດລະວັ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ພື່ອການຈັດການອໍເດີເທົ່ານັ້ນ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າກເກີດການສູນຫ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ຫລື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ເປ່ເພທີ່ເກີດຈາກການໃຊ້ງານຢ່າງບໍ່ຖືກເປົ້າຫມາຍ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ທາງຮ້ານຕ້ອງ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 </w:t>
      </w:r>
      <w:proofErr w:type="spellStart"/>
      <w:r>
        <w:rPr>
          <w:rFonts w:ascii="Leelawadee UI" w:eastAsia="Phetsarath OT" w:hAnsi="Leelawadee UI" w:cs="Leelawadee UI"/>
          <w:sz w:val="18"/>
          <w:szCs w:val="18"/>
        </w:rPr>
        <w:t>ຮັບຜິດຊອບຕໍ່ຄ່າເສຍຫາຍດັ່ງກ່າວ</w:t>
      </w:r>
      <w:proofErr w:type="spellEnd"/>
      <w:r>
        <w:rPr>
          <w:rFonts w:ascii="Phetsarath OT" w:eastAsia="Phetsarath OT" w:hAnsi="Phetsarath OT" w:cs="Phetsarath OT"/>
          <w:sz w:val="18"/>
          <w:szCs w:val="18"/>
        </w:rPr>
        <w:t xml:space="preserve">. </w:t>
      </w:r>
      <w:r>
        <w:rPr>
          <w:rFonts w:ascii="Tahoma" w:eastAsia="Phetsarath OT" w:hAnsi="Tahoma" w:cs="Tahoma"/>
          <w:sz w:val="18"/>
          <w:szCs w:val="18"/>
        </w:rPr>
        <w:t> </w:t>
      </w:r>
    </w:p>
    <w:p w14:paraId="5EE7BD4F" w14:textId="77777777" w:rsidR="008E6FBB" w:rsidRDefault="008E6FBB" w:rsidP="008E6FBB">
      <w:pPr>
        <w:rPr>
          <w:rFonts w:ascii="Avenir LT Std 35 Light" w:hAnsi="Avenir LT Std 35 Light"/>
          <w:b/>
          <w:sz w:val="16"/>
          <w:szCs w:val="16"/>
        </w:rPr>
      </w:pPr>
      <w:r>
        <w:rPr>
          <w:rFonts w:ascii="Avenir LT Std 35 Light" w:hAnsi="Avenir LT Std 35 Light"/>
          <w:b/>
          <w:sz w:val="16"/>
          <w:szCs w:val="16"/>
        </w:rPr>
        <w:t xml:space="preserve">2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ເງື່ອນໄຂການຄ້າ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Commercial Terms </w:t>
      </w:r>
    </w:p>
    <w:p w14:paraId="7B5670D6" w14:textId="77777777" w:rsidR="008E6FBB" w:rsidRDefault="008E6FBB" w:rsidP="008E6FBB">
      <w:pPr>
        <w:rPr>
          <w:rFonts w:ascii="Avenir LT Std 35 Light" w:hAnsi="Avenir LT Std 35 Light"/>
          <w:b/>
          <w:sz w:val="16"/>
          <w:szCs w:val="16"/>
        </w:rPr>
      </w:pPr>
    </w:p>
    <w:p w14:paraId="3E33CC96" w14:textId="77777777" w:rsidR="008E6FBB" w:rsidRDefault="008E6FBB" w:rsidP="008E6FBB">
      <w:pPr>
        <w:rPr>
          <w:rFonts w:ascii="Avenir LT Std 35 Light" w:hAnsi="Avenir LT Std 35 Light"/>
          <w:b/>
          <w:sz w:val="16"/>
          <w:szCs w:val="16"/>
        </w:rPr>
      </w:pPr>
      <w:r>
        <w:rPr>
          <w:rFonts w:ascii="Avenir LT Std 35 Light" w:hAnsi="Avenir LT Std 35 Light"/>
          <w:b/>
          <w:sz w:val="16"/>
          <w:szCs w:val="16"/>
        </w:rPr>
        <w:t xml:space="preserve">Vendor shall pay </w:t>
      </w:r>
      <w:proofErr w:type="spellStart"/>
      <w:r>
        <w:rPr>
          <w:rFonts w:ascii="Avenir LT Std 35 Light" w:hAnsi="Avenir LT Std 35 Light"/>
          <w:b/>
          <w:sz w:val="16"/>
          <w:szCs w:val="16"/>
        </w:rPr>
        <w:t>foodpanda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the below “Agency Fee” in accordance with the attached terms and conditions and subjected to the selected option.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ຮ້ານຈະຕ້ອງຊໍາລະ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“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ຄ່ານາຍຫນ້າ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”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ທີ່ລະບຸໄວ້ດ້ານລຸ່ມໃຫ້ຟູດແພນດ້າ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ອີງຕາມຂໍ້ກໍານົດ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ແລະ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ເງື່ອນໄຂຊ້ອນທ້າຍມາພ້ອມນີ</w:t>
      </w:r>
      <w:proofErr w:type="spellEnd"/>
      <w:r>
        <w:rPr>
          <w:rFonts w:ascii="Leelawadee UI" w:hAnsi="Leelawadee UI" w:cs="Leelawadee UI"/>
          <w:b/>
          <w:sz w:val="16"/>
          <w:szCs w:val="16"/>
        </w:rPr>
        <w:t>້</w:t>
      </w:r>
      <w:r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ເຊິ່ງຂຶ້ນກັບຕົວເລືອກ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b/>
          <w:sz w:val="16"/>
          <w:szCs w:val="16"/>
        </w:rPr>
        <w:t>ທີ່ຫມາຍດ້ວຍເຄື່ອງຫມາຍຕິກ</w:t>
      </w:r>
      <w:proofErr w:type="spellEnd"/>
      <w:r>
        <w:rPr>
          <w:rFonts w:ascii="Avenir LT Std 35 Light" w:hAnsi="Avenir LT Std 35 Light"/>
          <w:b/>
          <w:sz w:val="16"/>
          <w:szCs w:val="16"/>
        </w:rPr>
        <w:t xml:space="preserve"> (</w:t>
      </w:r>
      <w:r>
        <w:rPr>
          <w:rFonts w:ascii="Segoe UI Symbol" w:hAnsi="Segoe UI Symbol" w:cs="Segoe UI Symbol"/>
          <w:b/>
          <w:sz w:val="16"/>
          <w:szCs w:val="16"/>
        </w:rPr>
        <w:t>✓</w:t>
      </w:r>
      <w:r>
        <w:rPr>
          <w:rFonts w:ascii="Avenir LT Std 35 Light" w:hAnsi="Avenir LT Std 35 Light"/>
          <w:b/>
          <w:sz w:val="16"/>
          <w:szCs w:val="16"/>
        </w:rPr>
        <w:t>)</w:t>
      </w:r>
    </w:p>
    <w:tbl>
      <w:tblPr>
        <w:tblW w:w="5000" w:type="pct"/>
        <w:tblLayout w:type="fixed"/>
        <w:tblLook w:val="0400" w:firstRow="0" w:lastRow="0" w:firstColumn="0" w:lastColumn="0" w:noHBand="0" w:noVBand="1"/>
      </w:tblPr>
      <w:tblGrid>
        <w:gridCol w:w="2116"/>
        <w:gridCol w:w="851"/>
        <w:gridCol w:w="871"/>
        <w:gridCol w:w="1682"/>
        <w:gridCol w:w="1700"/>
        <w:gridCol w:w="1832"/>
      </w:tblGrid>
      <w:tr w:rsidR="00C57340" w:rsidRPr="00A94170" w14:paraId="7C2B5DAB" w14:textId="77777777" w:rsidTr="00C5451C">
        <w:tc>
          <w:tcPr>
            <w:tcW w:w="116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40BA9B6" w14:textId="77777777" w:rsidR="00C57340" w:rsidRDefault="00C57340" w:rsidP="00726D49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ເງື່ອນໄຂການຄ້າ</w:t>
            </w:r>
            <w:proofErr w:type="spellEnd"/>
          </w:p>
          <w:p w14:paraId="5E7A92E4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470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6224A0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rom</w:t>
            </w:r>
          </w:p>
        </w:tc>
        <w:tc>
          <w:tcPr>
            <w:tcW w:w="48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1323C1E7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</w:t>
            </w:r>
          </w:p>
        </w:tc>
        <w:tc>
          <w:tcPr>
            <w:tcW w:w="92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5DD28219" w14:textId="77777777" w:rsidR="00C57340" w:rsidRDefault="00C57340" w:rsidP="00726D49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ຄ່ານາຍໜ້າ</w:t>
            </w:r>
            <w:proofErr w:type="spellEnd"/>
          </w:p>
          <w:p w14:paraId="6FD5E859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Agency Fees</w:t>
            </w:r>
          </w:p>
          <w:p w14:paraId="7C3F946A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  <w:tc>
          <w:tcPr>
            <w:tcW w:w="9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E2DB0E7" w14:textId="77777777" w:rsidR="00C57340" w:rsidRDefault="00C57340" w:rsidP="00726D49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ເລີ່ມ</w:t>
            </w:r>
            <w:proofErr w:type="spellEnd"/>
          </w:p>
          <w:p w14:paraId="29E85447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01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0F5F0C6" w14:textId="77777777" w:rsidR="00C57340" w:rsidRDefault="00C57340" w:rsidP="00726D49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</w:rPr>
            </w:pPr>
            <w:proofErr w:type="spellStart"/>
            <w:r w:rsidRPr="001E1B16">
              <w:rPr>
                <w:rFonts w:ascii="Leelawadee UI" w:eastAsia="Avenir" w:hAnsi="Leelawadee UI" w:cs="Leelawadee UI"/>
                <w:b/>
                <w:sz w:val="16"/>
                <w:szCs w:val="16"/>
              </w:rPr>
              <w:t>ວັນທີ່ສິ້ນສຸດ</w:t>
            </w:r>
            <w:proofErr w:type="spellEnd"/>
          </w:p>
          <w:p w14:paraId="0622B2A0" w14:textId="77777777" w:rsidR="00C57340" w:rsidRPr="00A94170" w:rsidRDefault="00C57340" w:rsidP="00726D4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C57340" w:rsidRPr="00A94170" w14:paraId="68E2DCB7" w14:textId="77777777" w:rsidTr="00C5451C">
        <w:trPr>
          <w:trHeight w:val="460"/>
        </w:trPr>
        <w:tc>
          <w:tcPr>
            <w:tcW w:w="116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6B55625" w14:textId="77777777" w:rsidR="00C57340" w:rsidRPr="00A94170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_Start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t>&lt;&lt;tiersSoql.Id_Opportunity_Quote_Line_Item.Id_List_Service_Price_Displayed_Name&gt;&gt;</w:t>
            </w:r>
          </w:p>
        </w:tc>
        <w:tc>
          <w:tcPr>
            <w:tcW w:w="470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5B68802" w14:textId="07A777E2" w:rsidR="00C57340" w:rsidRPr="00A94170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DC0EC7" w:rsidRPr="0054313F">
              <w:rPr>
                <w:rFonts w:eastAsia="Avenir"/>
                <w:sz w:val="16"/>
                <w:szCs w:val="16"/>
              </w:rPr>
              <w:instrText>₭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«&lt;&lt;tiersSoql_Min&gt;&gt;»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</w:tc>
        <w:tc>
          <w:tcPr>
            <w:tcW w:w="48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168C81E8" w14:textId="559789E7" w:rsidR="00C57340" w:rsidRPr="002C46A5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</w:instrText>
            </w:r>
            <w:r w:rsidRPr="008F3D0E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.Id_Opportunity_Quote_Line_Item_Based_On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= "Monetary Amounts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DC0EC7" w:rsidRPr="0054313F">
              <w:rPr>
                <w:rFonts w:eastAsia="Avenir"/>
                <w:sz w:val="16"/>
                <w:szCs w:val="16"/>
              </w:rPr>
              <w:instrText>₭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C01497">
              <w:rPr>
                <w:rFonts w:ascii="Avenir LT Std 35 Light" w:eastAsia="Avenir" w:hAnsi="Avenir LT Std 35 Light" w:cs="Avenir"/>
                <w:sz w:val="32"/>
                <w:szCs w:val="32"/>
              </w:rPr>
              <w:instrText>∞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 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>
              <w:rPr>
                <w:rFonts w:ascii="Avenir LT Std 35 Light" w:eastAsia="Avenir" w:hAnsi="Avenir LT Std 35 Light" w:cs="Avenir"/>
                <w:noProof/>
                <w:sz w:val="16"/>
                <w:szCs w:val="16"/>
              </w:rPr>
              <w:instrText>&lt;&lt;tiersSoql_Max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92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27605835" w14:textId="77777777" w:rsidR="00C57340" w:rsidRPr="002C46A5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</w:instrText>
            </w: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9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24A233" w14:textId="77777777" w:rsidR="00C57340" w:rsidRPr="00A94170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01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6F5A2A" w14:textId="77777777" w:rsidR="00C57340" w:rsidRPr="00A94170" w:rsidRDefault="00C57340" w:rsidP="00726D4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7E0DA92" w14:textId="77777777" w:rsidR="008E6FBB" w:rsidRDefault="008E6FBB" w:rsidP="008E6FBB">
      <w:pPr>
        <w:rPr>
          <w:rFonts w:ascii="Avenir LT Std 35 Light" w:hAnsi="Avenir LT Std 35 Light"/>
          <w:b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683"/>
        <w:gridCol w:w="817"/>
        <w:gridCol w:w="2296"/>
        <w:gridCol w:w="2256"/>
      </w:tblGrid>
      <w:tr w:rsidR="008E6FBB" w:rsidRPr="008E6FBB" w14:paraId="7103CEDD" w14:textId="77777777" w:rsidTr="008E6FBB">
        <w:tc>
          <w:tcPr>
            <w:tcW w:w="13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182DE7F0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ເງື່ອນໄຂການຄ້າ</w:t>
            </w:r>
            <w:bookmarkStart w:id="0" w:name="_6xhv0o8sempj"/>
            <w:bookmarkEnd w:id="0"/>
            <w:proofErr w:type="spellEnd"/>
          </w:p>
          <w:p w14:paraId="34278DF2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Commercial Terms</w:t>
            </w:r>
          </w:p>
        </w:tc>
        <w:tc>
          <w:tcPr>
            <w:tcW w:w="155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C7D59BF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ຄ່ານາຍໜ້າ</w:t>
            </w:r>
            <w:proofErr w:type="spellEnd"/>
          </w:p>
          <w:p w14:paraId="1FE8F69D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Agency Fees</w:t>
            </w:r>
          </w:p>
          <w:p w14:paraId="4749B32F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105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16BFD38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ເລີ່ມ</w:t>
            </w:r>
            <w:proofErr w:type="spellEnd"/>
          </w:p>
          <w:p w14:paraId="56DE43CE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Start Date</w:t>
            </w:r>
          </w:p>
        </w:tc>
        <w:tc>
          <w:tcPr>
            <w:tcW w:w="102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27DC166C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່ສິ້ນສຸດ</w:t>
            </w:r>
            <w:proofErr w:type="spellEnd"/>
          </w:p>
          <w:p w14:paraId="4154E5E1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End Date</w:t>
            </w:r>
          </w:p>
        </w:tc>
      </w:tr>
      <w:tr w:rsidR="008E6FBB" w14:paraId="30BA10C5" w14:textId="77777777" w:rsidTr="008E6FBB">
        <w:trPr>
          <w:trHeight w:val="460"/>
        </w:trPr>
        <w:tc>
          <w:tcPr>
            <w:tcW w:w="13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A23E43B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commisionsSoql_Star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 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commisionsSoql.Id_List_Service_Price_Displayed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155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DF76D4D" w14:textId="77777777" w:rsidR="008E6FBB" w:rsidRDefault="008E6FBB">
            <w:pPr>
              <w:tabs>
                <w:tab w:val="left" w:pos="665"/>
              </w:tabs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instrText xml:space="preserve"> MERGEFIELD &lt;&lt;commisionsSoql_Commission_In_Percentage&gt;&gt; \#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%</w:t>
            </w:r>
          </w:p>
        </w:tc>
        <w:tc>
          <w:tcPr>
            <w:tcW w:w="105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828C97C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commisionsSoql_Start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7FC681D2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102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D6F4514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commisionsSoql_End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</w:tr>
    </w:tbl>
    <w:p w14:paraId="6D221CD2" w14:textId="77777777" w:rsidR="008E6FBB" w:rsidRDefault="008E6FBB" w:rsidP="008E6FB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50B89A86" w14:textId="77777777" w:rsidR="008E6FBB" w:rsidRDefault="008E6FBB" w:rsidP="008E6FB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  <w:r>
        <w:rPr>
          <w:rFonts w:ascii="Avenir LT Std 35 Light" w:eastAsia="Avenir" w:hAnsi="Avenir LT Std 35 Light" w:cs="Avenir"/>
          <w:sz w:val="16"/>
          <w:szCs w:val="16"/>
        </w:rPr>
        <w:t xml:space="preserve"> </w:t>
      </w:r>
    </w:p>
    <w:p w14:paraId="550CF8CB" w14:textId="77777777" w:rsidR="008E6FBB" w:rsidRDefault="008E6FBB" w:rsidP="008E6FB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600" w:firstRow="0" w:lastRow="0" w:firstColumn="0" w:lastColumn="0" w:noHBand="1" w:noVBand="1"/>
      </w:tblPr>
      <w:tblGrid>
        <w:gridCol w:w="1317"/>
        <w:gridCol w:w="1598"/>
        <w:gridCol w:w="1573"/>
        <w:gridCol w:w="1533"/>
        <w:gridCol w:w="1417"/>
        <w:gridCol w:w="1614"/>
      </w:tblGrid>
      <w:tr w:rsidR="008E6FBB" w:rsidRPr="008E6FBB" w14:paraId="335C5252" w14:textId="77777777" w:rsidTr="008E6FBB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6DB17616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ບໍລິການເສີມ</w:t>
            </w:r>
            <w:proofErr w:type="spellEnd"/>
          </w:p>
          <w:p w14:paraId="4C0C0AE0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50A07F9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ເລີ່ມ</w:t>
            </w:r>
            <w:proofErr w:type="spellEnd"/>
          </w:p>
          <w:p w14:paraId="6CE091B4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E4293B5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່ສິ້ນສຸດ</w:t>
            </w:r>
            <w:proofErr w:type="spellEnd"/>
          </w:p>
          <w:p w14:paraId="5B29878E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634235B7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າຄາ</w:t>
            </w:r>
            <w:proofErr w:type="spellEnd"/>
          </w:p>
          <w:p w14:paraId="7E13933B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500431E6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ຫຼຸດລາຄາ</w:t>
            </w:r>
            <w:proofErr w:type="spellEnd"/>
          </w:p>
          <w:p w14:paraId="4BFB1AF2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B45A04F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ວມທັງ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ໝົດ</w:t>
            </w:r>
            <w:proofErr w:type="spellEnd"/>
          </w:p>
          <w:p w14:paraId="3923F434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Total</w:t>
            </w:r>
          </w:p>
        </w:tc>
      </w:tr>
      <w:tr w:rsidR="008E6FBB" w14:paraId="6B94DCF2" w14:textId="77777777" w:rsidTr="008E6FBB">
        <w:trPr>
          <w:trHeight w:val="460"/>
        </w:trPr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7CEEF0C" w14:textId="77777777" w:rsidR="008E6FBB" w:rsidRDefault="008E6FBB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Star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58B5A8B4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C15D948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Start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D3D7B77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End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AB67C0B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Listed_Pric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5C1768F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Discoun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69EE0724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productLineItems_Total_Amoun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</w:tr>
    </w:tbl>
    <w:p w14:paraId="48ED2D32" w14:textId="77777777" w:rsidR="008E6FBB" w:rsidRDefault="008E6FBB" w:rsidP="008E6FB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4DEBA59D" w14:textId="77777777" w:rsidR="008E6FBB" w:rsidRDefault="008E6FBB" w:rsidP="008E6FB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474"/>
        <w:gridCol w:w="1750"/>
        <w:gridCol w:w="1853"/>
        <w:gridCol w:w="2093"/>
        <w:gridCol w:w="1882"/>
      </w:tblGrid>
      <w:tr w:rsidR="008E6FBB" w14:paraId="7C39A924" w14:textId="77777777" w:rsidTr="008E6FBB">
        <w:trPr>
          <w:trHeight w:val="379"/>
        </w:trPr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643D58B1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Non-standard Terms</w:t>
            </w:r>
          </w:p>
          <w:p w14:paraId="20806448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ເງື່ື່ອນໄຂທີ່ບໍ່ໄດ້ມາດຕະຖານ</w:t>
            </w:r>
            <w:proofErr w:type="spellEnd"/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893D9CC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ເລີ່ມ</w:t>
            </w:r>
            <w:proofErr w:type="spellEnd"/>
          </w:p>
          <w:p w14:paraId="5B17576D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Start Date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2981D53A" w14:textId="77777777" w:rsidR="008E6FBB" w:rsidRDefault="008E6FBB">
            <w:pPr>
              <w:spacing w:line="240" w:lineRule="auto"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ວັນທີ່ສິ້ນສຸດ</w:t>
            </w:r>
            <w:proofErr w:type="spellEnd"/>
          </w:p>
          <w:p w14:paraId="74DDE9BC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End Date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05CBF12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ຂໍ</w:t>
            </w:r>
            <w:proofErr w:type="spellEnd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້</w:t>
            </w:r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ກຳ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ນົດແລະເງື່ອນໄຂ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Terms &amp; conditions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011ACD11" w14:textId="77777777" w:rsidR="008E6FBB" w:rsidRDefault="008E6FBB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ຂໍ້ສະເພາະ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              </w:t>
            </w: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Specifications</w:t>
            </w:r>
          </w:p>
        </w:tc>
      </w:tr>
      <w:tr w:rsidR="008E6FBB" w14:paraId="71283F83" w14:textId="77777777" w:rsidTr="008E6FBB"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B1AB97C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Start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  <w:p w14:paraId="5B4A9C64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Name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&gt;&gt; 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585E9A11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Start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&gt;&gt;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049740A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End_Date__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5CF572C1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Contract_Addition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4F404F1F" w14:textId="77777777" w:rsidR="008E6FBB" w:rsidRDefault="008E6FB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lt;&lt;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ddOnLineItems_Specifications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&gt;&gt;</w:t>
            </w:r>
          </w:p>
        </w:tc>
      </w:tr>
    </w:tbl>
    <w:p w14:paraId="301969F8" w14:textId="77777777" w:rsidR="008E6FBB" w:rsidRDefault="008E6FBB" w:rsidP="008E6FBB">
      <w:pPr>
        <w:pStyle w:val="NoSpacing"/>
        <w:rPr>
          <w:rFonts w:ascii="Myanmar Text" w:hAnsi="Myanmar Text" w:cs="Myanmar Text"/>
          <w:sz w:val="16"/>
          <w:szCs w:val="16"/>
        </w:rPr>
      </w:pPr>
      <w:bookmarkStart w:id="1" w:name="_Hlk19713758"/>
    </w:p>
    <w:bookmarkEnd w:id="1"/>
    <w:p w14:paraId="5A031FCA" w14:textId="77777777" w:rsidR="008E6FBB" w:rsidRDefault="008E6FBB" w:rsidP="008E6FBB">
      <w:pPr>
        <w:spacing w:after="160" w:line="256" w:lineRule="auto"/>
        <w:rPr>
          <w:rFonts w:ascii="Myanmar Text" w:hAnsi="Myanmar Text" w:cs="Myanmar Text"/>
          <w:sz w:val="16"/>
          <w:szCs w:val="16"/>
        </w:rPr>
      </w:pPr>
      <w:r>
        <w:rPr>
          <w:rFonts w:ascii="Myanmar Text" w:hAnsi="Myanmar Text" w:cs="Myanmar Text"/>
          <w:sz w:val="16"/>
          <w:szCs w:val="16"/>
        </w:rPr>
        <w:t>“Vendor Revenue” shall mean total value of the Items before tax, voucher and/or discount.</w:t>
      </w:r>
    </w:p>
    <w:p w14:paraId="44E77A46" w14:textId="4D93D696" w:rsidR="00216727" w:rsidRDefault="008E6FBB" w:rsidP="008E6FBB">
      <w:pPr>
        <w:spacing w:after="160" w:line="256" w:lineRule="auto"/>
        <w:rPr>
          <w:rFonts w:ascii="Leelawadee UI" w:hAnsi="Leelawadee UI" w:cs="Leelawadee UI"/>
          <w:sz w:val="16"/>
          <w:szCs w:val="16"/>
        </w:rPr>
      </w:pPr>
      <w:r>
        <w:rPr>
          <w:rFonts w:ascii="Myanmar Text" w:hAnsi="Myanmar Text" w:cs="Myanmar Text"/>
          <w:sz w:val="16"/>
          <w:szCs w:val="16"/>
        </w:rPr>
        <w:t xml:space="preserve">“Agency fee” is excluding taxes. </w:t>
      </w:r>
      <w:proofErr w:type="spellStart"/>
      <w:r>
        <w:rPr>
          <w:rFonts w:ascii="Leelawadee UI" w:hAnsi="Leelawadee UI" w:cs="Leelawadee UI"/>
          <w:sz w:val="16"/>
          <w:szCs w:val="16"/>
        </w:rPr>
        <w:t>ໝາຍເຫດ</w:t>
      </w:r>
      <w:proofErr w:type="spellEnd"/>
      <w:r>
        <w:rPr>
          <w:rFonts w:ascii="Myanmar Text" w:hAnsi="Myanmar Text" w:cs="Myanmar Text"/>
          <w:sz w:val="16"/>
          <w:szCs w:val="16"/>
        </w:rPr>
        <w:t>: “</w:t>
      </w:r>
      <w:proofErr w:type="spellStart"/>
      <w:r>
        <w:rPr>
          <w:rFonts w:ascii="Leelawadee UI" w:hAnsi="Leelawadee UI" w:cs="Leelawadee UI"/>
          <w:sz w:val="16"/>
          <w:szCs w:val="16"/>
        </w:rPr>
        <w:t>ລາຍຮັບຂອງການສັ່ງ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” </w:t>
      </w:r>
      <w:proofErr w:type="spellStart"/>
      <w:r>
        <w:rPr>
          <w:rFonts w:ascii="Leelawadee UI" w:hAnsi="Leelawadee UI" w:cs="Leelawadee UI"/>
          <w:sz w:val="16"/>
          <w:szCs w:val="16"/>
        </w:rPr>
        <w:t>ແມ່ນລາຄາອາຫານ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sz w:val="16"/>
          <w:szCs w:val="16"/>
        </w:rPr>
        <w:t>ແລະ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sz w:val="16"/>
          <w:szCs w:val="16"/>
        </w:rPr>
        <w:t>ເຄື່ອງດື່ມທີ່ລູກຄ້າສັ່ງນໍາຮ້ານກ່ອນລວມອາກອນ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, </w:t>
      </w:r>
      <w:proofErr w:type="spellStart"/>
      <w:r>
        <w:rPr>
          <w:rFonts w:ascii="Leelawadee UI" w:hAnsi="Leelawadee UI" w:cs="Leelawadee UI"/>
          <w:sz w:val="16"/>
          <w:szCs w:val="16"/>
        </w:rPr>
        <w:t>ອນໃຊ້ບັດສ່ວນຫຼຸດ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 </w:t>
      </w:r>
      <w:proofErr w:type="spellStart"/>
      <w:r>
        <w:rPr>
          <w:rFonts w:ascii="Leelawadee UI" w:hAnsi="Leelawadee UI" w:cs="Leelawadee UI"/>
          <w:sz w:val="16"/>
          <w:szCs w:val="16"/>
        </w:rPr>
        <w:t>ຫລື</w:t>
      </w:r>
      <w:proofErr w:type="spellEnd"/>
      <w:r>
        <w:rPr>
          <w:rFonts w:ascii="Myanmar Text" w:hAnsi="Myanmar Text" w:cs="Myanmar Text"/>
          <w:sz w:val="16"/>
          <w:szCs w:val="16"/>
        </w:rPr>
        <w:t>/</w:t>
      </w:r>
      <w:proofErr w:type="spellStart"/>
      <w:proofErr w:type="gramStart"/>
      <w:r>
        <w:rPr>
          <w:rFonts w:ascii="Leelawadee UI" w:hAnsi="Leelawadee UI" w:cs="Leelawadee UI"/>
          <w:sz w:val="16"/>
          <w:szCs w:val="16"/>
        </w:rPr>
        <w:t>ແລະ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  </w:t>
      </w:r>
      <w:proofErr w:type="spellStart"/>
      <w:r>
        <w:rPr>
          <w:rFonts w:ascii="Leelawadee UI" w:hAnsi="Leelawadee UI" w:cs="Leelawadee UI"/>
          <w:sz w:val="16"/>
          <w:szCs w:val="16"/>
        </w:rPr>
        <w:t>ກ່ອນຫັກສ່ວນຫຼຸດ</w:t>
      </w:r>
      <w:proofErr w:type="spellEnd"/>
      <w:proofErr w:type="gramEnd"/>
      <w:r>
        <w:rPr>
          <w:rFonts w:ascii="Myanmar Text" w:hAnsi="Myanmar Text" w:cs="Myanmar Text"/>
          <w:sz w:val="16"/>
          <w:szCs w:val="16"/>
        </w:rPr>
        <w:t>. “</w:t>
      </w:r>
      <w:proofErr w:type="spellStart"/>
      <w:r>
        <w:rPr>
          <w:rFonts w:ascii="Leelawadee UI" w:hAnsi="Leelawadee UI" w:cs="Leelawadee UI"/>
          <w:sz w:val="16"/>
          <w:szCs w:val="16"/>
        </w:rPr>
        <w:t>ຄ່ານາຍຫນ້າ</w:t>
      </w:r>
      <w:proofErr w:type="spellEnd"/>
      <w:r>
        <w:rPr>
          <w:rFonts w:ascii="Myanmar Text" w:hAnsi="Myanmar Text" w:cs="Myanmar Text"/>
          <w:sz w:val="16"/>
          <w:szCs w:val="16"/>
        </w:rPr>
        <w:t xml:space="preserve">” </w:t>
      </w:r>
      <w:proofErr w:type="spellStart"/>
      <w:r>
        <w:rPr>
          <w:rFonts w:ascii="Leelawadee UI" w:hAnsi="Leelawadee UI" w:cs="Leelawadee UI"/>
          <w:sz w:val="16"/>
          <w:szCs w:val="16"/>
        </w:rPr>
        <w:t>ຍັງບໍ່ລວມອາກອນ</w:t>
      </w:r>
      <w:proofErr w:type="spellEnd"/>
    </w:p>
    <w:p w14:paraId="065387F8" w14:textId="6E94ABBF" w:rsidR="008E6FBB" w:rsidRPr="00216727" w:rsidRDefault="00216727" w:rsidP="00216727">
      <w:pPr>
        <w:spacing w:after="160" w:line="259" w:lineRule="auto"/>
        <w:rPr>
          <w:rFonts w:ascii="Leelawadee UI" w:hAnsi="Leelawadee UI" w:cs="Leelawadee UI"/>
          <w:sz w:val="16"/>
          <w:szCs w:val="16"/>
        </w:rPr>
      </w:pPr>
      <w:r>
        <w:rPr>
          <w:rFonts w:ascii="Leelawadee UI" w:hAnsi="Leelawadee UI" w:cs="Leelawadee UI"/>
          <w:sz w:val="16"/>
          <w:szCs w:val="16"/>
        </w:rPr>
        <w:br w:type="page"/>
      </w: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024"/>
        <w:gridCol w:w="4212"/>
        <w:gridCol w:w="3820"/>
      </w:tblGrid>
      <w:tr w:rsidR="00216727" w14:paraId="530D4A3E" w14:textId="77777777" w:rsidTr="00216727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F3B6BD" w14:textId="77777777" w:rsidR="00216727" w:rsidRDefault="00216727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7CDF3C3" w14:textId="3FC93082" w:rsidR="00216727" w:rsidRPr="00216727" w:rsidRDefault="00216727" w:rsidP="00216727">
            <w:pPr>
              <w:keepNext/>
              <w:jc w:val="center"/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ົງລາຍເຊັນໃນນາມ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ແລະ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ຕາງໝ້າໂດຍ</w:t>
            </w:r>
            <w:proofErr w:type="spellEnd"/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SIGNED BY, for and on behalf of:</w:t>
            </w:r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 xml:space="preserve"> </w:t>
            </w:r>
            <w:r>
              <w:rPr>
                <w:rFonts w:ascii="Myanmar Text" w:eastAsia="Avenir" w:hAnsi="Myanmar Text" w:cs="Myanmar Text"/>
                <w:b/>
                <w:sz w:val="16"/>
                <w:szCs w:val="16"/>
                <w:lang w:eastAsia="en-US"/>
              </w:rPr>
              <w:t>Vendor</w:t>
            </w:r>
          </w:p>
        </w:tc>
      </w:tr>
      <w:tr w:rsidR="00216727" w14:paraId="3123E1DE" w14:textId="77777777" w:rsidTr="00216727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9E7155C" w14:textId="77777777" w:rsidR="00216727" w:rsidRDefault="00216727" w:rsidP="00216727">
            <w:pPr>
              <w:keepNext/>
              <w:ind w:left="100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ລາຍເຊັນ</w:t>
            </w:r>
            <w:proofErr w:type="spellEnd"/>
          </w:p>
          <w:p w14:paraId="34A1396F" w14:textId="712B2D41" w:rsidR="00216727" w:rsidRDefault="00216727" w:rsidP="00216727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Signature:</w:t>
            </w: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16C8228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6ACA2F71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  <w:p w14:paraId="698AE614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</w:t>
            </w:r>
          </w:p>
          <w:p w14:paraId="10A979FD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50B9A7E4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7D6AAC84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00694A3B" w14:textId="77777777" w:rsidR="00216727" w:rsidRDefault="00216727" w:rsidP="00216727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</w:p>
          <w:p w14:paraId="01CA9C78" w14:textId="77777777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  </w:t>
            </w:r>
          </w:p>
          <w:p w14:paraId="625159BA" w14:textId="0211D951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  <w:r>
              <w:rPr>
                <w:rFonts w:ascii="Myanmar Text" w:eastAsia="Avenir" w:hAnsi="Myanmar Text" w:cs="Myanmar Text"/>
                <w:sz w:val="16"/>
                <w:szCs w:val="16"/>
                <w:lang w:eastAsia="en-US"/>
              </w:rPr>
              <w:t xml:space="preserve">  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                         </w:t>
            </w:r>
          </w:p>
          <w:p w14:paraId="2A505C3F" w14:textId="77777777" w:rsidR="00216727" w:rsidRDefault="00216727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6E6D9B57" w14:textId="14DDCFA3" w:rsidR="00216727" w:rsidRDefault="00216727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3360" behindDoc="0" locked="0" layoutInCell="1" allowOverlap="1" wp14:anchorId="1C73551E" wp14:editId="28BABACF">
                      <wp:simplePos x="0" y="0"/>
                      <wp:positionH relativeFrom="column">
                        <wp:posOffset>1641475</wp:posOffset>
                      </wp:positionH>
                      <wp:positionV relativeFrom="paragraph">
                        <wp:posOffset>43668</wp:posOffset>
                      </wp:positionV>
                      <wp:extent cx="513080" cy="352057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54E1693B" w14:textId="77777777" w:rsidR="00216727" w:rsidRPr="00B05CDC" w:rsidRDefault="00216727" w:rsidP="00216727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1C73551E" id="Rectangle 4" o:spid="_x0000_s1026" style="position:absolute;left:0;text-align:left;margin-left:129.25pt;margin-top:3.45pt;width:40.4pt;height:27.7pt;z-index:25166336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" fillcolor="white [3212]" stroked="f" strokeweight="1pt">
                      <v:textbox>
                        <w:txbxContent>
                          <w:p w14:paraId="54E1693B" w14:textId="77777777" w:rsidR="00216727" w:rsidRPr="00B05CDC" w:rsidRDefault="00216727" w:rsidP="00216727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13444818" w14:textId="1E9D70BE" w:rsidR="00216727" w:rsidRDefault="00216727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18FADED3" w14:textId="77777777" w:rsidR="00216727" w:rsidRDefault="00216727">
            <w:pPr>
              <w:keepNext/>
              <w:jc w:val="center"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  <w:p w14:paraId="35F5C8C4" w14:textId="7DED4A31" w:rsidR="00216727" w:rsidRDefault="00216727" w:rsidP="00216727">
            <w:pPr>
              <w:keepNext/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</w:pPr>
          </w:p>
        </w:tc>
      </w:tr>
      <w:tr w:rsidR="00216727" w14:paraId="23BAEBB1" w14:textId="77777777" w:rsidTr="00216727">
        <w:trPr>
          <w:cantSplit/>
          <w:trHeight w:val="451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7F4AACDD" w14:textId="77777777" w:rsidR="00216727" w:rsidRDefault="00216727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</w:t>
            </w:r>
          </w:p>
        </w:tc>
        <w:tc>
          <w:tcPr>
            <w:tcW w:w="4435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324BCF7F" w14:textId="77777777" w:rsidR="00216727" w:rsidRDefault="00216727">
            <w:pPr>
              <w:keepNext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ລົງລາຍເຊັນໃນນາມ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ແລະ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</w:t>
            </w:r>
            <w:proofErr w:type="spellStart"/>
            <w:r>
              <w:rPr>
                <w:rFonts w:ascii="Leelawadee UI" w:eastAsia="Avenir" w:hAnsi="Leelawadee UI" w:cs="Leelawadee UI"/>
                <w:b/>
                <w:sz w:val="16"/>
                <w:szCs w:val="16"/>
                <w:lang w:eastAsia="en-US"/>
              </w:rPr>
              <w:t>ຕາງໝ້າໂດຍ</w:t>
            </w:r>
            <w:proofErr w:type="spellEnd"/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 xml:space="preserve"> SIGNED BY, for and on behalf of:</w:t>
            </w:r>
          </w:p>
          <w:p w14:paraId="743B5864" w14:textId="2164137B" w:rsidR="00216727" w:rsidRDefault="00216727">
            <w:pPr>
              <w:keepNext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  <w:lang w:eastAsia="en-US"/>
              </w:rPr>
              <w:t>DELIVERY HERO (Laos) Sole CO., LTD.</w:t>
            </w:r>
          </w:p>
        </w:tc>
      </w:tr>
      <w:tr w:rsidR="00216727" w:rsidRPr="008E6FBB" w14:paraId="3DE3D8BE" w14:textId="77777777" w:rsidTr="00216727">
        <w:trPr>
          <w:cantSplit/>
          <w:trHeight w:val="3057"/>
        </w:trPr>
        <w:tc>
          <w:tcPr>
            <w:tcW w:w="565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  <w:hideMark/>
          </w:tcPr>
          <w:p w14:paraId="54F0A66A" w14:textId="77777777" w:rsidR="00216727" w:rsidRDefault="00216727">
            <w:pPr>
              <w:keepNext/>
              <w:ind w:left="100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ລາຍເຊັນ</w:t>
            </w:r>
            <w:proofErr w:type="spellEnd"/>
          </w:p>
          <w:p w14:paraId="2F2D046E" w14:textId="77777777" w:rsidR="00216727" w:rsidRDefault="00216727">
            <w:pPr>
              <w:keepNext/>
              <w:ind w:left="100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Signature:</w:t>
            </w:r>
          </w:p>
        </w:tc>
        <w:tc>
          <w:tcPr>
            <w:tcW w:w="2326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D0FB438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E81B465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20F23779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0746D9F4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44241392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Managing Director</w:t>
            </w:r>
          </w:p>
          <w:p w14:paraId="370FAF24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6FBECF84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62BFA2F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</w:t>
            </w:r>
          </w:p>
          <w:p w14:paraId="08688A18" w14:textId="0061E52C" w:rsidR="00216727" w:rsidRDefault="00216727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</w:p>
          <w:p w14:paraId="7C0E5A99" w14:textId="65AB734E" w:rsidR="00216727" w:rsidRDefault="00216727" w:rsidP="00CB1638">
            <w:pPr>
              <w:keepNext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1EA8D26D" w14:textId="77777777" w:rsidR="00216727" w:rsidRDefault="00CB1638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 w:rsidRPr="00CB1638"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drawing>
                <wp:inline distT="0" distB="0" distL="0" distR="0" wp14:anchorId="6613D80B" wp14:editId="4670060D">
                  <wp:extent cx="1151793" cy="500616"/>
                  <wp:effectExtent l="0" t="0" r="4445" b="0"/>
                  <wp:docPr id="3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206540" cy="524411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  <w:p w14:paraId="6029A108" w14:textId="52A4FDC8" w:rsidR="00CB1638" w:rsidRDefault="00CB1638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</w:tc>
        <w:tc>
          <w:tcPr>
            <w:tcW w:w="210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</w:tcPr>
          <w:p w14:paraId="71102397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13325A4F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0DBF4552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</w:t>
            </w:r>
          </w:p>
          <w:p w14:paraId="7DD30C3D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7BADEE20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Sales Representative </w:t>
            </w:r>
          </w:p>
          <w:p w14:paraId="24897BDE" w14:textId="66EBB5E5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___________________</w:t>
            </w:r>
          </w:p>
          <w:p w14:paraId="4961C94B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</w:p>
          <w:p w14:paraId="47740D53" w14:textId="77777777" w:rsidR="00216727" w:rsidRDefault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Duly </w:t>
            </w:r>
            <w:proofErr w:type="spellStart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>Authorised</w:t>
            </w:r>
            <w:proofErr w:type="spellEnd"/>
            <w:r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  <w:t xml:space="preserve"> Signatory</w:t>
            </w:r>
          </w:p>
          <w:p w14:paraId="1CB077FA" w14:textId="77777777" w:rsidR="00216727" w:rsidRDefault="00216727" w:rsidP="00216727">
            <w:pPr>
              <w:keepNext/>
              <w:ind w:left="100"/>
              <w:jc w:val="center"/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</w:pPr>
            <w:proofErr w:type="spellStart"/>
            <w:r>
              <w:rPr>
                <w:rFonts w:ascii="Leelawadee UI" w:eastAsia="Avenir" w:hAnsi="Leelawadee UI" w:cs="Leelawadee UI"/>
                <w:sz w:val="16"/>
                <w:szCs w:val="16"/>
                <w:lang w:eastAsia="en-US"/>
              </w:rPr>
              <w:t>ໄດ້ຮັບລາຍເຊັນຈາກຂັ້ນເທີງຢ່າງຖືກຕ້ອງ</w:t>
            </w:r>
            <w:proofErr w:type="spellEnd"/>
          </w:p>
          <w:p w14:paraId="29265050" w14:textId="1BF81AC8" w:rsidR="00216727" w:rsidRDefault="00216727" w:rsidP="00216727">
            <w:pPr>
              <w:keepNext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  <w:lang w:eastAsia="en-US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18283B82" wp14:editId="31499FD0">
                      <wp:simplePos x="0" y="0"/>
                      <wp:positionH relativeFrom="column">
                        <wp:posOffset>294640</wp:posOffset>
                      </wp:positionH>
                      <wp:positionV relativeFrom="paragraph">
                        <wp:posOffset>206424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04CC49D3" w14:textId="77777777" w:rsidR="00216727" w:rsidRPr="00341AA3" w:rsidRDefault="00216727" w:rsidP="00216727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18283B82" id="Rectangle 22" o:spid="_x0000_s1027" style="position:absolute;left:0;text-align:left;margin-left:23.2pt;margin-top:16.2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" fillcolor="white [3212]" stroked="f" strokeweight="1pt">
                      <v:textbox>
                        <w:txbxContent>
                          <w:p w14:paraId="04CC49D3" w14:textId="77777777" w:rsidR="00216727" w:rsidRPr="00341AA3" w:rsidRDefault="00216727" w:rsidP="00216727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</w:tc>
      </w:tr>
    </w:tbl>
    <w:p w14:paraId="68FEB608" w14:textId="77777777" w:rsidR="008E6FBB" w:rsidRDefault="008E6FBB" w:rsidP="008E6FBB">
      <w:pPr>
        <w:spacing w:line="240" w:lineRule="auto"/>
        <w:rPr>
          <w:rFonts w:ascii="Avenir" w:eastAsia="Avenir" w:hAnsi="Avenir" w:cs="Avenir"/>
          <w:sz w:val="18"/>
          <w:szCs w:val="18"/>
        </w:rPr>
      </w:pPr>
    </w:p>
    <w:p w14:paraId="68FFC713" w14:textId="775C694A" w:rsidR="00264E88" w:rsidRPr="008E6FBB" w:rsidRDefault="004A6E26" w:rsidP="008E6FBB"/>
    <w:sectPr w:rsidR="00264E88" w:rsidRPr="008E6FBB">
      <w:pgSz w:w="11906" w:h="16838"/>
      <w:pgMar w:top="1417" w:right="1417" w:bottom="1134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380E2119" w14:textId="77777777" w:rsidR="004A6E26" w:rsidRDefault="004A6E26" w:rsidP="00FD7552">
      <w:pPr>
        <w:spacing w:line="240" w:lineRule="auto"/>
      </w:pPr>
      <w:r>
        <w:separator/>
      </w:r>
    </w:p>
  </w:endnote>
  <w:endnote w:type="continuationSeparator" w:id="0">
    <w:p w14:paraId="7809D732" w14:textId="77777777" w:rsidR="004A6E26" w:rsidRDefault="004A6E26" w:rsidP="00FD7552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Noto Sans Symbols">
    <w:panose1 w:val="020B0604020202020204"/>
    <w:charset w:val="00"/>
    <w:family w:val="auto"/>
    <w:pitch w:val="default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Leelawadee UI">
    <w:panose1 w:val="020B0502040204020203"/>
    <w:charset w:val="DE"/>
    <w:family w:val="swiss"/>
    <w:pitch w:val="variable"/>
    <w:sig w:usb0="83000003" w:usb1="00000000" w:usb2="00010000" w:usb3="00000000" w:csb0="00010101" w:csb1="00000000"/>
  </w:font>
  <w:font w:name="Myanmar Text">
    <w:panose1 w:val="020B0502040204020203"/>
    <w:charset w:val="00"/>
    <w:family w:val="swiss"/>
    <w:pitch w:val="variable"/>
    <w:sig w:usb0="80000003" w:usb1="00000000" w:usb2="00000400" w:usb3="00000000" w:csb0="00000001" w:csb1="00000000"/>
  </w:font>
  <w:font w:name="Phetsarath OT">
    <w:altName w:val="Calibri"/>
    <w:panose1 w:val="020B0604020202020204"/>
    <w:charset w:val="00"/>
    <w:family w:val="auto"/>
    <w:pitch w:val="default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 Symbol">
    <w:panose1 w:val="020B0502040204020203"/>
    <w:charset w:val="00"/>
    <w:family w:val="swiss"/>
    <w:pitch w:val="variable"/>
    <w:sig w:usb0="800001E3" w:usb1="1200FFEF" w:usb2="00040000" w:usb3="00000000" w:csb0="00000001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67CEBD32" w14:textId="77777777" w:rsidR="004A6E26" w:rsidRDefault="004A6E26" w:rsidP="00FD7552">
      <w:pPr>
        <w:spacing w:line="240" w:lineRule="auto"/>
      </w:pPr>
      <w:r>
        <w:separator/>
      </w:r>
    </w:p>
  </w:footnote>
  <w:footnote w:type="continuationSeparator" w:id="0">
    <w:p w14:paraId="1D144CC3" w14:textId="77777777" w:rsidR="004A6E26" w:rsidRDefault="004A6E26" w:rsidP="00FD7552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6EB2505"/>
    <w:multiLevelType w:val="multilevel"/>
    <w:tmpl w:val="BC8E248C"/>
    <w:lvl w:ilvl="0">
      <w:start w:val="1"/>
      <w:numFmt w:val="decimal"/>
      <w:lvlText w:val="%1."/>
      <w:lvlJc w:val="left"/>
      <w:pPr>
        <w:ind w:left="580" w:hanging="360"/>
      </w:pPr>
      <w:rPr>
        <w:sz w:val="16"/>
        <w:szCs w:val="16"/>
      </w:rPr>
    </w:lvl>
    <w:lvl w:ilvl="1">
      <w:start w:val="1"/>
      <w:numFmt w:val="decimal"/>
      <w:lvlText w:val="%2."/>
      <w:lvlJc w:val="left"/>
      <w:pPr>
        <w:ind w:left="1300" w:hanging="360"/>
      </w:pPr>
    </w:lvl>
    <w:lvl w:ilvl="2">
      <w:start w:val="1"/>
      <w:numFmt w:val="bullet"/>
      <w:lvlText w:val="▪"/>
      <w:lvlJc w:val="left"/>
      <w:pPr>
        <w:ind w:left="2020" w:hanging="360"/>
      </w:pPr>
      <w:rPr>
        <w:rFonts w:ascii="Noto Sans Symbols" w:eastAsia="Noto Sans Symbols" w:hAnsi="Noto Sans Symbols" w:cs="Noto Sans Symbols"/>
      </w:rPr>
    </w:lvl>
    <w:lvl w:ilvl="3">
      <w:start w:val="1"/>
      <w:numFmt w:val="bullet"/>
      <w:lvlText w:val="●"/>
      <w:lvlJc w:val="left"/>
      <w:pPr>
        <w:ind w:left="2740" w:hanging="360"/>
      </w:pPr>
      <w:rPr>
        <w:rFonts w:ascii="Noto Sans Symbols" w:eastAsia="Noto Sans Symbols" w:hAnsi="Noto Sans Symbols" w:cs="Noto Sans Symbols"/>
      </w:rPr>
    </w:lvl>
    <w:lvl w:ilvl="4">
      <w:start w:val="1"/>
      <w:numFmt w:val="bullet"/>
      <w:lvlText w:val="o"/>
      <w:lvlJc w:val="left"/>
      <w:pPr>
        <w:ind w:left="3460" w:hanging="360"/>
      </w:pPr>
      <w:rPr>
        <w:rFonts w:ascii="Courier New" w:eastAsia="Courier New" w:hAnsi="Courier New" w:cs="Courier New"/>
      </w:rPr>
    </w:lvl>
    <w:lvl w:ilvl="5">
      <w:start w:val="1"/>
      <w:numFmt w:val="bullet"/>
      <w:lvlText w:val="▪"/>
      <w:lvlJc w:val="left"/>
      <w:pPr>
        <w:ind w:left="4180" w:hanging="360"/>
      </w:pPr>
      <w:rPr>
        <w:rFonts w:ascii="Noto Sans Symbols" w:eastAsia="Noto Sans Symbols" w:hAnsi="Noto Sans Symbols" w:cs="Noto Sans Symbols"/>
      </w:rPr>
    </w:lvl>
    <w:lvl w:ilvl="6">
      <w:start w:val="1"/>
      <w:numFmt w:val="bullet"/>
      <w:lvlText w:val="●"/>
      <w:lvlJc w:val="left"/>
      <w:pPr>
        <w:ind w:left="4900" w:hanging="360"/>
      </w:pPr>
      <w:rPr>
        <w:rFonts w:ascii="Noto Sans Symbols" w:eastAsia="Noto Sans Symbols" w:hAnsi="Noto Sans Symbols" w:cs="Noto Sans Symbols"/>
      </w:rPr>
    </w:lvl>
    <w:lvl w:ilvl="7">
      <w:start w:val="1"/>
      <w:numFmt w:val="bullet"/>
      <w:lvlText w:val="o"/>
      <w:lvlJc w:val="left"/>
      <w:pPr>
        <w:ind w:left="5620" w:hanging="360"/>
      </w:pPr>
      <w:rPr>
        <w:rFonts w:ascii="Courier New" w:eastAsia="Courier New" w:hAnsi="Courier New" w:cs="Courier New"/>
      </w:rPr>
    </w:lvl>
    <w:lvl w:ilvl="8">
      <w:start w:val="1"/>
      <w:numFmt w:val="bullet"/>
      <w:lvlText w:val="▪"/>
      <w:lvlJc w:val="left"/>
      <w:pPr>
        <w:ind w:left="6340" w:hanging="360"/>
      </w:pPr>
      <w:rPr>
        <w:rFonts w:ascii="Noto Sans Symbols" w:eastAsia="Noto Sans Symbols" w:hAnsi="Noto Sans Symbols" w:cs="Noto Sans Symbols"/>
      </w:rPr>
    </w:lvl>
  </w:abstractNum>
  <w:abstractNum w:abstractNumId="1" w15:restartNumberingAfterBreak="0">
    <w:nsid w:val="33854615"/>
    <w:multiLevelType w:val="multilevel"/>
    <w:tmpl w:val="BAC21BCC"/>
    <w:lvl w:ilvl="0">
      <w:start w:val="1"/>
      <w:numFmt w:val="decimal"/>
      <w:lvlText w:val="%1."/>
      <w:lvlJc w:val="left"/>
      <w:pPr>
        <w:ind w:left="135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207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79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351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423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95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67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639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7110" w:hanging="360"/>
      </w:pPr>
      <w:rPr>
        <w:u w:val="none"/>
      </w:rPr>
    </w:lvl>
  </w:abstractNum>
  <w:abstractNum w:abstractNumId="2" w15:restartNumberingAfterBreak="0">
    <w:nsid w:val="47485097"/>
    <w:multiLevelType w:val="multilevel"/>
    <w:tmpl w:val="ECD2C66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abstractNum w:abstractNumId="3" w15:restartNumberingAfterBreak="0">
    <w:nsid w:val="4D056F78"/>
    <w:multiLevelType w:val="hybridMultilevel"/>
    <w:tmpl w:val="F35A77A0"/>
    <w:lvl w:ilvl="0" w:tplc="2166BDC0">
      <w:start w:val="1"/>
      <w:numFmt w:val="decimal"/>
      <w:lvlText w:val="%1."/>
      <w:lvlJc w:val="left"/>
      <w:pPr>
        <w:ind w:left="45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170" w:hanging="360"/>
      </w:pPr>
    </w:lvl>
    <w:lvl w:ilvl="2" w:tplc="0407001B" w:tentative="1">
      <w:start w:val="1"/>
      <w:numFmt w:val="lowerRoman"/>
      <w:lvlText w:val="%3."/>
      <w:lvlJc w:val="right"/>
      <w:pPr>
        <w:ind w:left="1890" w:hanging="180"/>
      </w:pPr>
    </w:lvl>
    <w:lvl w:ilvl="3" w:tplc="0407000F" w:tentative="1">
      <w:start w:val="1"/>
      <w:numFmt w:val="decimal"/>
      <w:lvlText w:val="%4."/>
      <w:lvlJc w:val="left"/>
      <w:pPr>
        <w:ind w:left="2610" w:hanging="360"/>
      </w:pPr>
    </w:lvl>
    <w:lvl w:ilvl="4" w:tplc="04070019" w:tentative="1">
      <w:start w:val="1"/>
      <w:numFmt w:val="lowerLetter"/>
      <w:lvlText w:val="%5."/>
      <w:lvlJc w:val="left"/>
      <w:pPr>
        <w:ind w:left="3330" w:hanging="360"/>
      </w:pPr>
    </w:lvl>
    <w:lvl w:ilvl="5" w:tplc="0407001B" w:tentative="1">
      <w:start w:val="1"/>
      <w:numFmt w:val="lowerRoman"/>
      <w:lvlText w:val="%6."/>
      <w:lvlJc w:val="right"/>
      <w:pPr>
        <w:ind w:left="4050" w:hanging="180"/>
      </w:pPr>
    </w:lvl>
    <w:lvl w:ilvl="6" w:tplc="0407000F" w:tentative="1">
      <w:start w:val="1"/>
      <w:numFmt w:val="decimal"/>
      <w:lvlText w:val="%7."/>
      <w:lvlJc w:val="left"/>
      <w:pPr>
        <w:ind w:left="4770" w:hanging="360"/>
      </w:pPr>
    </w:lvl>
    <w:lvl w:ilvl="7" w:tplc="04070019" w:tentative="1">
      <w:start w:val="1"/>
      <w:numFmt w:val="lowerLetter"/>
      <w:lvlText w:val="%8."/>
      <w:lvlJc w:val="left"/>
      <w:pPr>
        <w:ind w:left="5490" w:hanging="360"/>
      </w:pPr>
    </w:lvl>
    <w:lvl w:ilvl="8" w:tplc="0407001B" w:tentative="1">
      <w:start w:val="1"/>
      <w:numFmt w:val="lowerRoman"/>
      <w:lvlText w:val="%9."/>
      <w:lvlJc w:val="right"/>
      <w:pPr>
        <w:ind w:left="6210" w:hanging="180"/>
      </w:pPr>
    </w:lvl>
  </w:abstractNum>
  <w:num w:numId="1">
    <w:abstractNumId w:val="1"/>
  </w:num>
  <w:num w:numId="2">
    <w:abstractNumId w:val="3"/>
  </w:num>
  <w:num w:numId="3">
    <w:abstractNumId w:val="2"/>
  </w:num>
  <w:num w:numId="4">
    <w:abstractNumId w:val="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0"/>
    <w:lvlOverride w:ilvl="0">
      <w:startOverride w:val="1"/>
    </w:lvlOverride>
    <w:lvlOverride w:ilvl="1">
      <w:startOverride w:val="1"/>
    </w:lvlOverride>
    <w:lvlOverride w:ilvl="2"/>
    <w:lvlOverride w:ilvl="3"/>
    <w:lvlOverride w:ilvl="4"/>
    <w:lvlOverride w:ilvl="5"/>
    <w:lvlOverride w:ilvl="6"/>
    <w:lvlOverride w:ilvl="7"/>
    <w:lvlOverride w:ilvl="8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44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84048B"/>
    <w:rsid w:val="00065D0E"/>
    <w:rsid w:val="0008139C"/>
    <w:rsid w:val="000B0D97"/>
    <w:rsid w:val="000B106A"/>
    <w:rsid w:val="000D6130"/>
    <w:rsid w:val="001568C6"/>
    <w:rsid w:val="001B1FB9"/>
    <w:rsid w:val="00216727"/>
    <w:rsid w:val="00252CA8"/>
    <w:rsid w:val="002E76EF"/>
    <w:rsid w:val="003248FC"/>
    <w:rsid w:val="00327CD4"/>
    <w:rsid w:val="00365DA2"/>
    <w:rsid w:val="003954A2"/>
    <w:rsid w:val="003C042D"/>
    <w:rsid w:val="003D190B"/>
    <w:rsid w:val="00402FDF"/>
    <w:rsid w:val="00431755"/>
    <w:rsid w:val="0045137C"/>
    <w:rsid w:val="00460B94"/>
    <w:rsid w:val="0047210D"/>
    <w:rsid w:val="004A6E26"/>
    <w:rsid w:val="004B09AF"/>
    <w:rsid w:val="004C0459"/>
    <w:rsid w:val="004C3034"/>
    <w:rsid w:val="004D0CA9"/>
    <w:rsid w:val="004E77B3"/>
    <w:rsid w:val="005042B9"/>
    <w:rsid w:val="005154FF"/>
    <w:rsid w:val="00552513"/>
    <w:rsid w:val="00566DDC"/>
    <w:rsid w:val="00580656"/>
    <w:rsid w:val="005E5EFC"/>
    <w:rsid w:val="00676442"/>
    <w:rsid w:val="007337CE"/>
    <w:rsid w:val="00782660"/>
    <w:rsid w:val="00785610"/>
    <w:rsid w:val="007B1A90"/>
    <w:rsid w:val="007C1C2E"/>
    <w:rsid w:val="007C37AF"/>
    <w:rsid w:val="007C64F7"/>
    <w:rsid w:val="008218F2"/>
    <w:rsid w:val="0084048B"/>
    <w:rsid w:val="008A17B4"/>
    <w:rsid w:val="008B69D6"/>
    <w:rsid w:val="008C4E31"/>
    <w:rsid w:val="008E1EA0"/>
    <w:rsid w:val="008E6FBB"/>
    <w:rsid w:val="0090591B"/>
    <w:rsid w:val="00913F51"/>
    <w:rsid w:val="00920CA4"/>
    <w:rsid w:val="00921FF8"/>
    <w:rsid w:val="00984581"/>
    <w:rsid w:val="009D3F39"/>
    <w:rsid w:val="009E4102"/>
    <w:rsid w:val="009F5CDE"/>
    <w:rsid w:val="00A31442"/>
    <w:rsid w:val="00A41009"/>
    <w:rsid w:val="00A46A5E"/>
    <w:rsid w:val="00A6008E"/>
    <w:rsid w:val="00B226CF"/>
    <w:rsid w:val="00BD7F37"/>
    <w:rsid w:val="00C03ACE"/>
    <w:rsid w:val="00C13846"/>
    <w:rsid w:val="00C42388"/>
    <w:rsid w:val="00C45AD6"/>
    <w:rsid w:val="00C5451C"/>
    <w:rsid w:val="00C57340"/>
    <w:rsid w:val="00C87892"/>
    <w:rsid w:val="00CB1638"/>
    <w:rsid w:val="00CC1D65"/>
    <w:rsid w:val="00CE4F92"/>
    <w:rsid w:val="00D11FBC"/>
    <w:rsid w:val="00D520E7"/>
    <w:rsid w:val="00D65F74"/>
    <w:rsid w:val="00D97710"/>
    <w:rsid w:val="00DC0EC7"/>
    <w:rsid w:val="00DD6E76"/>
    <w:rsid w:val="00DF4623"/>
    <w:rsid w:val="00E2174C"/>
    <w:rsid w:val="00EF0C23"/>
    <w:rsid w:val="00F43770"/>
    <w:rsid w:val="00F47A45"/>
    <w:rsid w:val="00F61306"/>
    <w:rsid w:val="00F77452"/>
    <w:rsid w:val="00FC54C5"/>
    <w:rsid w:val="00FD7552"/>
    <w:rsid w:val="00FE726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69812644"/>
  <w15:chartTrackingRefBased/>
  <w15:docId w15:val="{3A3F9F8D-F0C3-4F47-8AFC-7BD76757CDE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Balloon Text" w:semiHidden="1" w:unhideWhenUsed="1"/>
    <w:lsdException w:name="Table Grid" w:uiPriority="39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FD7552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FD7552"/>
    <w:pPr>
      <w:keepNext/>
      <w:keepLines/>
      <w:spacing w:before="400" w:after="120"/>
      <w:outlineLvl w:val="0"/>
    </w:pPr>
    <w:rPr>
      <w:sz w:val="40"/>
      <w:szCs w:val="4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FD7552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7B1A90"/>
    <w:pPr>
      <w:ind w:left="720"/>
      <w:contextualSpacing/>
    </w:pPr>
  </w:style>
  <w:style w:type="paragraph" w:styleId="NoSpacing">
    <w:name w:val="No Spacing"/>
    <w:uiPriority w:val="1"/>
    <w:qFormat/>
    <w:rsid w:val="007B1A90"/>
    <w:pPr>
      <w:spacing w:after="0" w:line="240" w:lineRule="auto"/>
    </w:pPr>
    <w:rPr>
      <w:rFonts w:ascii="Arial" w:eastAsia="Arial" w:hAnsi="Arial" w:cs="Arial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7158883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</TotalTime>
  <Pages>4</Pages>
  <Words>957</Words>
  <Characters>5455</Characters>
  <Application>Microsoft Office Word</Application>
  <DocSecurity>0</DocSecurity>
  <Lines>45</Lines>
  <Paragraphs>1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640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55</cp:revision>
  <dcterms:created xsi:type="dcterms:W3CDTF">2019-09-12T14:18:00Z</dcterms:created>
  <dcterms:modified xsi:type="dcterms:W3CDTF">2020-05-19T09:47:00Z</dcterms:modified>
</cp:coreProperties>
</file>